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1"/>
  </p:sldMasterIdLst>
  <p:notesMasterIdLst>
    <p:notesMasterId r:id="rId20"/>
  </p:notesMasterIdLst>
  <p:sldIdLst>
    <p:sldId id="256" r:id="rId12"/>
    <p:sldId id="264" r:id="rId13"/>
    <p:sldId id="265" r:id="rId14"/>
    <p:sldId id="266" r:id="rId15"/>
    <p:sldId id="267" r:id="rId16"/>
    <p:sldId id="268" r:id="rId17"/>
    <p:sldId id="269" r:id="rId18"/>
    <p:sldId id="270" r:id="rId19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78F54BB-57AE-4C82-91EA-309B6CC3E805}" v="79" dt="2021-11-29T11:37:33.424"/>
    <p1510:client id="{990E6AD0-E6BE-43AD-A003-8F8DA680ED9E}" v="1" dt="2021-11-29T11:42:29.852"/>
    <p1510:client id="{EC46AD04-265B-4882-9CC5-6B459C9B3F34}" v="154" dt="2021-11-29T11:44:48.67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6353" autoAdjust="0"/>
    <p:restoredTop sz="87237" autoAdjust="0"/>
  </p:normalViewPr>
  <p:slideViewPr>
    <p:cSldViewPr showGuides="1">
      <p:cViewPr varScale="1">
        <p:scale>
          <a:sx n="106" d="100"/>
          <a:sy n="106" d="100"/>
        </p:scale>
        <p:origin x="144" y="11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06-12-2021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Antal håndterede 112-opkald på ugebasis fra uge 53 i 2020 til og med uge 48 i 2021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0861454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Antal </a:t>
            </a:r>
            <a:r>
              <a:rPr lang="da-DK" dirty="0" err="1"/>
              <a:t>køopkald</a:t>
            </a:r>
            <a:r>
              <a:rPr lang="da-DK" dirty="0"/>
              <a:t> (uanset </a:t>
            </a:r>
            <a:r>
              <a:rPr lang="da-DK" dirty="0" err="1"/>
              <a:t>køtid</a:t>
            </a:r>
            <a:r>
              <a:rPr lang="da-DK" dirty="0"/>
              <a:t>, dvs. antal sekunder i kø) på ugebasis fra uge 53 i 2020 til og med uge 48 i 2021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4951677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Andel køopkald ud af alle 112-opkald på ugebasis fra uge 53 i 2020 til og med uge 48 i 2021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1857643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Antal 112-hændelser på ugebasis fra uge 53 i 2020 til og med uge 48 i 2021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5220789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Antal 112-hændelser der har medført en elektronisk blanket med teksten ”Ingen kontakt til AMK” på ugebasis fra uge 53 i 2020 til og med uge 48 i 2021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045008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Andel 112-hændelser der har medført en elektronisk blanket med teksten ”Ingen kontakt til AMK” ud af alle 112-hændelser på ugebasis fra uge 53 i 2020 til og med uge 47 i 2021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1029599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7220265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905456201" name="image" descr="{&quot;templafy&quot;:{&quot;id&quot;:&quot;56690941-0140-45af-b50d-b523ca2e4a2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560491195" name="image" descr="{&quot;templafy&quot;:{&quot;id&quot;:&quot;d6804bd8-dba4-46bf-b6b0-a5dd4536f9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dda28e5f-7cbb-4f9e-8f6c-de576e9c4d0f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b49dacf9-0dbd-477c-90be-6ee806885050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20757758" name="image" descr="{&quot;templafy&quot;:{&quot;id&quot;:&quot;014810b9-9d05-4ad7-b170-559b3591cb0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72337949" name="image" descr="{&quot;templafy&quot;:{&quot;id&quot;:&quot;dbe02beb-2486-4071-a624-31d7ae3a76d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847572440" name="image" descr="{&quot;templafy&quot;:{&quot;id&quot;:&quot;b9dcf323-8d9b-4b40-a40a-9d32cfe4521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3f13472c-e0ac-4901-b1b9-5a0183e8a1dc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29" name="text" descr="{&quot;templafy&quot;:{&quot;id&quot;:&quot;283435e7-61ba-483f-a1f2-20650d37c90a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8859e944-6f29-47c1-b835-c5b23e6307d2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31" name="text" descr="{&quot;templafy&quot;:{&quot;id&quot;:&quot;88327f2e-a757-44fe-a987-b06a5377d9f4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33378716" name="image" descr="{&quot;templafy&quot;:{&quot;id&quot;:&quot;e7015f0b-3d58-419a-b367-1463baf24a9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018029899" name="image" descr="{&quot;templafy&quot;:{&quot;id&quot;:&quot;38cb9cbe-ce37-4d17-b5f3-77a305e933b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440253275" name="image" descr="{&quot;templafy&quot;:{&quot;id&quot;:&quot;7a73c159-9495-4b1a-963b-b474f2818a6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29110965-e04e-4041-9dfe-5496174d2ccf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1f5b637f-f6f6-419a-a759-97c1638acf9f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30e4e1fc-b063-4dc4-bde5-c5de94187530&quot;}}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12" name="text" descr="{&quot;templafy&quot;:{&quot;id&quot;:&quot;4da40aad-c8f3-42df-a7ab-739e1771e83a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93653181" name="image" descr="{&quot;templafy&quot;:{&quot;id&quot;:&quot;06f14010-44b4-47ff-ad5a-80e24b09689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424584581" name="image" descr="{&quot;templafy&quot;:{&quot;id&quot;:&quot;40b2b001-89cb-4232-a4c1-d4a0099d8c6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031085659" name="image" descr="{&quot;templafy&quot;:{&quot;id&quot;:&quot;47958644-49f5-4322-8ba8-cf4129034aa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074704880" name="image" descr="{&quot;templafy&quot;:{&quot;id&quot;:&quot;f564f3e3-e39d-4f9c-b718-0347c8121e2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459160962" name="image" descr="{&quot;templafy&quot;:{&quot;id&quot;:&quot;897b4009-c085-4cb2-af0d-50a67156baa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323b5ae9-7442-44f0-a51a-aeac23a05d13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27" name="text" descr="{&quot;templafy&quot;:{&quot;id&quot;:&quot;6d3fb201-890e-49cd-9738-e411cd90fbb5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75348348" name="image" descr="{&quot;templafy&quot;:{&quot;id&quot;:&quot;34d61efa-688b-4468-b7d8-a603f072296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663e6315-b4a1-485c-a8f8-d5ab10c33520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5" name="text" descr="{&quot;templafy&quot;:{&quot;id&quot;:&quot;c99d0695-1390-41a6-a660-6c82f82baf1f&quot;}}" hidden="1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6" name="text" descr="{&quot;templafy&quot;:{&quot;id&quot;:&quot;1b3e194c-8b83-47a9-aaea-39aad3b1b025&quot;}}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18" name="text" descr="{&quot;templafy&quot;:{&quot;id&quot;:&quot;2e71da81-c5ec-4b34-92dc-d15544576240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83832036" name="image" descr="{&quot;templafy&quot;:{&quot;id&quot;:&quot;e379f4be-9b25-4fc2-8da7-a8a4121dc52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752395021" name="image" descr="{&quot;templafy&quot;:{&quot;id&quot;:&quot;7e973670-3b8a-45ea-97d8-087603a2da8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279340897" name="image" descr="{&quot;templafy&quot;:{&quot;id&quot;:&quot;da63232c-88f7-42fc-b567-9477464ea4d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54054905" name="image" descr="{&quot;templafy&quot;:{&quot;id&quot;:&quot;cfb1d8fa-0342-4bde-94a3-188af54f3dd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129525314" name="image" descr="{&quot;templafy&quot;:{&quot;id&quot;:&quot;d4016858-f999-4e3c-ab74-2cf42159ec6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b8fef36c-058a-4d8d-bf04-3d2bbd4e48c8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21" name="text" descr="{&quot;templafy&quot;:{&quot;id&quot;:&quot;8f73cb1c-d3d0-42b5-b334-a43eb6226bbf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357031496" name="image" descr="{&quot;templafy&quot;:{&quot;id&quot;:&quot;a6448f23-3b09-44a2-985b-34df6d4c63d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651426569" name="image" descr="{&quot;templafy&quot;:{&quot;id&quot;:&quot;509c235f-8846-45ed-a975-cf6d731bcb5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1e9611a0-8213-4799-92e0-e56380d5edf7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</a:t>
            </a:r>
          </a:p>
        </p:txBody>
      </p:sp>
      <p:sp>
        <p:nvSpPr>
          <p:cNvPr id="17" name="text" descr="{&quot;templafy&quot;:{&quot;id&quot;:&quot;16fd9aa7-3f8f-4262-9b92-b6282426f8cc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9a032c12-f754-439f-b555-7172507576ed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22" name="text" descr="{&quot;templafy&quot;:{&quot;id&quot;:&quot;1e079568-705f-42de-be87-5bb892189ef1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13757396" name="image" descr="{&quot;templafy&quot;:{&quot;id&quot;:&quot;85e274cf-f3ec-42eb-8e55-552ebe8585e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34095043" name="image" descr="{&quot;templafy&quot;:{&quot;id&quot;:&quot;329dd64d-195b-4f3c-8b38-c22cc7df4f5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c26cfecd-e53d-4b15-85e7-6c869a48191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Emilie Grunddal Pedersen</a:t>
            </a:r>
          </a:p>
        </p:txBody>
      </p:sp>
      <p:sp>
        <p:nvSpPr>
          <p:cNvPr id="30" name="text" descr="{&quot;templafy&quot;:{&quot;id&quot;:&quot;f1f84ac9-ffaa-465a-a9ab-bbb9042995d2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012643519" name="image" descr="{&quot;templafy&quot;:{&quot;id&quot;:&quot;416613b6-ba33-4ce2-b759-71f5e6a7ed1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59672721" name="image" descr="{&quot;templafy&quot;:{&quot;id&quot;:&quot;bcb14275-c90b-4f8d-b003-3828d4a0582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232925702" name="image" descr="{&quot;templafy&quot;:{&quot;id&quot;:&quot;3019fcd0-647d-4d9b-849c-c0d18a00ca6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5448c060-9fca-463c-9498-416879fa035c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</a:t>
            </a:r>
          </a:p>
        </p:txBody>
      </p:sp>
      <p:sp>
        <p:nvSpPr>
          <p:cNvPr id="17" name="text" descr="{&quot;templafy&quot;:{&quot;id&quot;:&quot;75d8d952-d8d0-4ee5-91eb-49b77d1e4241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7f58ed97-5ab9-40f0-ab06-ea1c579cea48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Akutberedskab</a:t>
            </a:r>
          </a:p>
        </p:txBody>
      </p:sp>
      <p:sp>
        <p:nvSpPr>
          <p:cNvPr id="22" name="text" descr="{&quot;templafy&quot;:{&quot;id&quot;:&quot;24745170-edf1-4745-a0a0-20c6b49bc3e3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67219784" name="image" descr="{&quot;templafy&quot;:{&quot;id&quot;:&quot;602d822a-8dda-4df7-84d4-8fb11c76b69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15363104" name="image" descr="{&quot;templafy&quot;:{&quot;id&quot;:&quot;890cc472-d521-43f5-92c9-ec8290737b0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3fef9b20-27df-4eb0-9765-e29b4a42b55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Emilie Grunddal Pedersen</a:t>
            </a:r>
          </a:p>
        </p:txBody>
      </p:sp>
      <p:sp>
        <p:nvSpPr>
          <p:cNvPr id="30" name="text" descr="{&quot;templafy&quot;:{&quot;id&quot;:&quot;221722e8-18c6-430a-8ba7-bf6b530b3933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498740903" name="image" descr="{&quot;templafy&quot;:{&quot;id&quot;:&quot;385c56e0-1635-451f-bf77-240d083a646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701820247" name="image" descr="{&quot;templafy&quot;:{&quot;id&quot;:&quot;1502f551-aa27-4a33-b1cd-b9165797359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577637103" name="image" descr="{&quot;templafy&quot;:{&quot;id&quot;:&quot;8c0d1559-c5ef-4ced-bfe2-bc9a061bf14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838271260" name="image" descr="{&quot;templafy&quot;:{&quot;id&quot;:&quot;1d13f579-37c6-416a-ae67-9cb7957eda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84979408" name="image" descr="{&quot;templafy&quot;:{&quot;id&quot;:&quot;66d93776-dcb9-4c22-96b3-91aefb15bb8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104123653" name="image" descr="{&quot;templafy&quot;:{&quot;id&quot;:&quot;7bbc64eb-bce8-418f-91ce-be0d0a80d06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9a2227c7-268c-4b77-aa48-62ec30f0234a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2" name="text" descr="{&quot;templafy&quot;:{&quot;id&quot;:&quot;75d608b2-a027-4f5b-9641-e609b89815b6&quot;}}" hidden="1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1b75140d-5d44-4eda-beb0-6601f5aa2f2c&quot;}}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14" name="text" descr="{&quot;templafy&quot;:{&quot;id&quot;:&quot;efaa2bf6-e724-46ad-b2d5-4f486e321ed1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339800676" name="image" descr="{&quot;templafy&quot;:{&quot;id&quot;:&quot;bc51c6c5-cc68-468f-95e0-9f9165112f5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79183596" name="image" descr="{&quot;templafy&quot;:{&quot;id&quot;:&quot;b5743ad2-2160-4701-812d-40108e14db5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215369739" name="image" descr="{&quot;templafy&quot;:{&quot;id&quot;:&quot;4ab28cfc-feba-4872-9a34-d80f2f1a77c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230b3ad5-4497-4188-9e9b-8df1ff3327d8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18" name="text" descr="{&quot;templafy&quot;:{&quot;id&quot;:&quot;77577c29-118f-4ee0-81c8-9634b828d80a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892766584" name="image" descr="{&quot;templafy&quot;:{&quot;id&quot;:&quot;73a5d022-e978-4f93-b1f1-7a499b76129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905119498" name="image" descr="{&quot;templafy&quot;:{&quot;id&quot;:&quot;5bca1112-5370-4a24-ab8d-10f9ec41241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487948677" name="image" descr="{&quot;templafy&quot;:{&quot;id&quot;:&quot;90af9f0e-eefa-4fe1-8709-4df54c2022c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92299534" name="image" descr="{&quot;templafy&quot;:{&quot;id&quot;:&quot;d61dd05a-79ce-417a-bbe3-2c9b4fee789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c86ace6b-47fd-4dd5-a7bf-e1f15e01efb9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</a:t>
            </a:r>
          </a:p>
        </p:txBody>
      </p:sp>
      <p:sp>
        <p:nvSpPr>
          <p:cNvPr id="27" name="text" descr="{&quot;templafy&quot;:{&quot;id&quot;:&quot;67fb1687-f4b1-4113-a7fa-e334678714a8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8" name="text" descr="{&quot;templafy&quot;:{&quot;id&quot;:&quot;ddcd7832-8db7-491b-b412-d31ff4883c23&quot;}}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Akutberedskab</a:t>
            </a:r>
          </a:p>
        </p:txBody>
      </p:sp>
      <p:sp>
        <p:nvSpPr>
          <p:cNvPr id="36" name="text" descr="{&quot;templafy&quot;:{&quot;id&quot;:&quot;830914ad-c9ef-4c35-a3dc-bb213e71f285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731727064" name="image" descr="{&quot;templafy&quot;:{&quot;id&quot;:&quot;18fc246c-83d3-4155-8f1d-5ef64e365b0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825750694" name="image" descr="{&quot;templafy&quot;:{&quot;id&quot;:&quot;d555f92e-c461-4a79-9023-44b3b179c1d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31d40d83-5c79-4737-9e1b-cb4248b7e3c6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30" name="text" descr="{&quot;templafy&quot;:{&quot;id&quot;:&quot;f47d5be2-8ca3-4138-a74e-7dd56aef8029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03841619" name="image" descr="{&quot;templafy&quot;:{&quot;id&quot;:&quot;169346de-07df-4777-b9ea-ac3007b990c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944184396" name="image" descr="{&quot;templafy&quot;:{&quot;id&quot;:&quot;e57e2e65-dd22-451b-b9b1-c72b5d070cd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493455373" name="image" descr="{&quot;templafy&quot;:{&quot;id&quot;:&quot;c54601db-7d60-4517-8c3d-1ca7c41edee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cdef5336-da68-4081-a6cc-6abcf2e4d8d0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30609c6d-67e4-4045-aed3-da505d97b68c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993393686" name="image" descr="{&quot;templafy&quot;:{&quot;id&quot;:&quot;a72af40e-8368-46a5-bbaa-d7b24c947c0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1550666" name="image" descr="{&quot;templafy&quot;:{&quot;id&quot;:&quot;5060217f-95f3-472a-b2d3-5d350e23909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21842343" name="image" descr="{&quot;templafy&quot;:{&quot;id&quot;:&quot;7288ee03-ddad-4629-a302-c216fab9f8f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6e784389-3130-46d6-bbaf-06a72980d7c0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29" name="text" descr="{&quot;templafy&quot;:{&quot;id&quot;:&quot;bd982a02-dfd7-4a62-a606-6a0a5e4895cf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39523646-2bcc-4a28-b9be-39531b388843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31" name="text" descr="{&quot;templafy&quot;:{&quot;id&quot;:&quot;a97502c1-1b82-464b-8b50-28e3cd4301bb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88731445" name="image" descr="{&quot;templafy&quot;:{&quot;id&quot;:&quot;3748ba5e-4348-4d1b-b2ec-72c74e848cb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528690469" name="image" descr="{&quot;templafy&quot;:{&quot;id&quot;:&quot;96d7462d-1542-4041-955d-4502d20c080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820281113" name="image" descr="{&quot;templafy&quot;:{&quot;id&quot;:&quot;aa764153-bbe6-4cbc-a241-2602598f67d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4d2e38c1-03f7-4518-9c92-31f9f7c762e6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7" name="text" descr="{&quot;templafy&quot;:{&quot;id&quot;:&quot;0c1f06fe-75ae-4b38-94ad-fd8aaf98e7e9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8" name="text" descr="{&quot;templafy&quot;:{&quot;id&quot;:&quot;1928be64-7056-49bc-99c8-1a4ec06beebd&quot;}}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9" name="text" descr="{&quot;templafy&quot;:{&quot;id&quot;:&quot;22ac19d8-e1e0-4b80-b182-d7a7b2b67caa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917301360" name="image" descr="{&quot;templafy&quot;:{&quot;id&quot;:&quot;ed72f06d-a4aa-48a8-9b67-5be33766515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832677434" name="image" descr="{&quot;templafy&quot;:{&quot;id&quot;:&quot;ede0cdf5-513c-4722-b630-33a3120dc01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925683962" name="image" descr="{&quot;templafy&quot;:{&quot;id&quot;:&quot;34794015-a680-489e-bfea-e7a2a64473d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676680122" name="image" descr="{&quot;templafy&quot;:{&quot;id&quot;:&quot;0ead7522-b04c-412e-8e83-681cc9a20a0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913934294" name="image" descr="{&quot;templafy&quot;:{&quot;id&quot;:&quot;2ddc9405-0ba1-46ad-ac94-0e156b6cf74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f6f938be-efb6-4e4e-9d16-2a173ee56d4b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23" name="text" descr="{&quot;templafy&quot;:{&quot;id&quot;:&quot;c0a92fe2-85d7-487b-a67c-c543d63cd4b0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412292481" name="image" descr="{&quot;templafy&quot;:{&quot;id&quot;:&quot;15a20438-bfd6-4d32-a57b-9c81ea74b30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029271087" name="image" descr="{&quot;templafy&quot;:{&quot;id&quot;:&quot;8f882e0c-194c-42bd-bb75-cc1e3aad854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84005abe-c4ab-481c-b06a-06115af9342f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</a:t>
            </a:r>
          </a:p>
        </p:txBody>
      </p:sp>
      <p:sp>
        <p:nvSpPr>
          <p:cNvPr id="17" name="text" descr="{&quot;templafy&quot;:{&quot;id&quot;:&quot;55606d86-4b26-4950-8496-8c7cb75bddb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10d7f08b-42d7-415c-a0b3-6a3f17533464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22" name="text" descr="{&quot;templafy&quot;:{&quot;id&quot;:&quot;a120c492-60d9-413d-bca7-f7a12187e301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847378020" name="image" descr="{&quot;templafy&quot;:{&quot;id&quot;:&quot;6bf0c882-32c6-497d-89e5-3bfe78881c0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53765979" name="image" descr="{&quot;templafy&quot;:{&quot;id&quot;:&quot;28ee5b81-5180-4f14-aa65-8e256ba1291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867d8d04-367c-4fb1-8f02-b594e00fabba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Emilie Grunddal Pedersen</a:t>
            </a:r>
          </a:p>
        </p:txBody>
      </p:sp>
      <p:sp>
        <p:nvSpPr>
          <p:cNvPr id="30" name="text" descr="{&quot;templafy&quot;:{&quot;id&quot;:&quot;634342c1-9cac-4e3d-9538-e50638c457ad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1780880317" name="image" descr="{&quot;templafy&quot;:{&quot;id&quot;:&quot;f08a42f4-e679-4c97-a644-014173e10e9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202522325" name="image" descr="{&quot;templafy&quot;:{&quot;id&quot;:&quot;17746625-3fa7-406a-aa3f-3b34710279d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07473971" name="image" descr="{&quot;templafy&quot;:{&quot;id&quot;:&quot;46bd4998-3bdf-40fb-b262-1f24290f0ca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c3d3c2f5-4987-4c40-bf45-393d8319d2d7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1" name="text" descr="{&quot;templafy&quot;:{&quot;id&quot;:&quot;27c0f5d2-4ba1-4081-b6f1-0b440b4a62f7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e98a8702-a92c-4634-87ea-5493c1eff5df&quot;}}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13" name="text" descr="{&quot;templafy&quot;:{&quot;id&quot;:&quot;2b964064-6d05-413e-9702-4a3f0f4c10b7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635923885" name="image" descr="{&quot;templafy&quot;:{&quot;id&quot;:&quot;0f005c7a-25a9-4ba9-acb4-a4a9580e7b2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939068182" name="image" descr="{&quot;templafy&quot;:{&quot;id&quot;:&quot;b110693d-c02b-400c-8995-ac28fd73fa8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801332548" name="image" descr="{&quot;templafy&quot;:{&quot;id&quot;:&quot;beb70343-a8f9-4bd0-82ec-779bd2d5f17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745322008" name="image" descr="{&quot;templafy&quot;:{&quot;id&quot;:&quot;fbe2ea79-f2da-40c5-b2bb-be53e4fb483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54576265" name="image" descr="{&quot;templafy&quot;:{&quot;id&quot;:&quot;c9b31d54-8b1a-45f6-a48e-33e2e925224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75a6edc3-978e-4a65-9310-b5ea249d236c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27" name="text" descr="{&quot;templafy&quot;:{&quot;id&quot;:&quot;134d01aa-dd92-4113-8d00-c6515143eda5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382437402" name="image" descr="{&quot;templafy&quot;:{&quot;id&quot;:&quot;f99dae40-3b10-4875-8384-4a428fb6fb4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5e394ee3-3d3b-4fb0-b27c-a18867f50b12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d4afc87f-a924-4d33-ad0f-aa32bcd70de0&quot;}}" hidden="1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ebba59cb-551b-4e27-81c6-eee9b8dbe143&quot;}}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13" name="text" descr="{&quot;templafy&quot;:{&quot;id&quot;:&quot;be01c905-1c11-4ac6-940b-89733cd6dcf2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753767072" name="image" descr="{&quot;templafy&quot;:{&quot;id&quot;:&quot;6db1f319-19ce-4f7c-9e6f-2220af49687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30461354" name="image" descr="{&quot;templafy&quot;:{&quot;id&quot;:&quot;86b9f7b4-20ea-4b4b-bc40-70bc7fef2b5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631572718" name="image" descr="{&quot;templafy&quot;:{&quot;id&quot;:&quot;ccfc12cf-1207-4cfc-b0b6-6952201dc65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498335940" name="image" descr="{&quot;templafy&quot;:{&quot;id&quot;:&quot;98fa922c-4a47-4881-b1c8-820dd504d1f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18373105" name="image" descr="{&quot;templafy&quot;:{&quot;id&quot;:&quot;0d95fd6e-eb91-4eac-9ce6-d4ffb7ca2f3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71c46899-563e-4273-94d8-4d1441f3e70a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26" name="text" descr="{&quot;templafy&quot;:{&quot;id&quot;:&quot;a3306a31-0ecf-42a4-af98-a85faa886d8e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544746587" name="image" descr="{&quot;templafy&quot;:{&quot;id&quot;:&quot;cfcb4e29-6816-452f-be9b-86c07615415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c9f0391b-384f-492c-9278-d4d928a009c9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9" name="text" descr="{&quot;templafy&quot;:{&quot;id&quot;:&quot;34492601-3176-4f82-8d7b-396f69aee49b&quot;}}" hidden="1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0" name="text" descr="{&quot;templafy&quot;:{&quot;id&quot;:&quot;c209af6f-76e2-45ca-a428-561188651208&quot;}}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12" name="text" descr="{&quot;templafy&quot;:{&quot;id&quot;:&quot;c04be428-c4a0-43cd-8358-dde17e6febdf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72168510" name="image" descr="{&quot;templafy&quot;:{&quot;id&quot;:&quot;42db5c4e-303e-406f-941b-5c0a89cd25b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46535607" name="image" descr="{&quot;templafy&quot;:{&quot;id&quot;:&quot;84c0b3d9-f1fe-4294-ae63-4063fc7c1a4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896106106" name="image" descr="{&quot;templafy&quot;:{&quot;id&quot;:&quot;3dc0a15e-3a3e-47d2-b152-7823aefcf6e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249438883" name="image" descr="{&quot;templafy&quot;:{&quot;id&quot;:&quot;07c5b12b-101d-48a0-a209-5468693941e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29359880" name="image" descr="{&quot;templafy&quot;:{&quot;id&quot;:&quot;0529a258-bddf-47a0-9b6c-2ba40cb991f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ea3b7301-34d9-41a4-9fed-e939e4517c87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26" name="text" descr="{&quot;templafy&quot;:{&quot;id&quot;:&quot;04a2e931-d9e2-4ead-92f9-ef5d7cbf142e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480756736" name="image" descr="{&quot;templafy&quot;:{&quot;id&quot;:&quot;346895a6-c456-4706-b492-4f93bd81233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9c937e9f-4888-4e97-b448-ec30b67f3d9b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12ee0ce0-efd9-434b-866c-3bfa13b6813b&quot;}}" hidden="1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33315d52-dee0-4228-915e-48595c70ba3d&quot;}}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14" name="text" descr="{&quot;templafy&quot;:{&quot;id&quot;:&quot;2259c4df-e327-4cca-8752-e03f26181342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711401547" name="image" descr="{&quot;templafy&quot;:{&quot;id&quot;:&quot;90dadd06-171c-4ab6-af8d-0a04e89d2f7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431933404" name="image" descr="{&quot;templafy&quot;:{&quot;id&quot;:&quot;2d4f3d36-6f72-4342-9c50-27256d52132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837788232" name="image" descr="{&quot;templafy&quot;:{&quot;id&quot;:&quot;bf167cda-d0bf-447e-9b67-166c053c21b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898930628" name="image" descr="{&quot;templafy&quot;:{&quot;id&quot;:&quot;4df80421-dfef-4da5-9283-a03b02cd4f9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287350454" name="image" descr="{&quot;templafy&quot;:{&quot;id&quot;:&quot;51f65eb0-0766-4931-9874-dfadd884bba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0168b9ad-7998-4994-8512-16b18db98116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29" name="text" descr="{&quot;templafy&quot;:{&quot;id&quot;:&quot;ed4163fc-9872-493a-85f7-f7c2ce70c141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915089944" name="image" descr="{&quot;templafy&quot;:{&quot;id&quot;:&quot;c3489500-cfdd-445f-9348-846a2318d69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94def1c7-1200-45e8-9175-0e9092d743d7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57391c40-2486-4e99-908a-8f33e048efe9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d6ae0bd3-0f0c-4381-9cb9-7cd90557895e&quot;}}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beredskab</a:t>
            </a:r>
          </a:p>
        </p:txBody>
      </p:sp>
      <p:sp>
        <p:nvSpPr>
          <p:cNvPr id="12" name="text" descr="{&quot;templafy&quot;:{&quot;id&quot;:&quot;1a3ab655-ca75-4e4d-a62b-bf04ba9ad735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14307579" name="image" descr="{&quot;templafy&quot;:{&quot;id&quot;:&quot;aa77d204-1184-4e56-b1ef-671337cdf64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861536436" name="image" descr="{&quot;templafy&quot;:{&quot;id&quot;:&quot;3c9550ec-6644-4513-b7ab-aac13c41191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762036244" name="image" descr="{&quot;templafy&quot;:{&quot;id&quot;:&quot;a34b7a5a-6e19-4ed3-a914-6abeadb6abe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926134" name="image" descr="{&quot;templafy&quot;:{&quot;id&quot;:&quot;dc82f5b0-9834-41d6-8d56-aebcda0badf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913723042" name="image" descr="{&quot;templafy&quot;:{&quot;id&quot;:&quot;aeff5618-3463-49c6-a661-103fded91be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c505594d-4a39-48f7-b588-42d078328cae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Emilie Grunddal Pedersen</a:t>
            </a:r>
          </a:p>
        </p:txBody>
      </p:sp>
      <p:sp>
        <p:nvSpPr>
          <p:cNvPr id="26" name="text" descr="{&quot;templafy&quot;:{&quot;id&quot;:&quot;87cbe487-64a8-4621-b37a-84ab1f275437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757106984" name="image" descr="{&quot;templafy&quot;:{&quot;id&quot;:&quot;1cf624b1-72ee-4692-a0a9-5a414a4e75a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85c68d30-6c2e-46a7-82b6-2b0ffac93789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58" r:id="rId12"/>
    <p:sldLayoutId id="2147483672" r:id="rId13"/>
    <p:sldLayoutId id="2147483655" r:id="rId14"/>
    <p:sldLayoutId id="2147483663" r:id="rId15"/>
    <p:sldLayoutId id="2147483667" r:id="rId16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5.png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4.xml"/><Relationship Id="rId5" Type="http://schemas.openxmlformats.org/officeDocument/2006/relationships/image" Target="../media/image16.png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6DB2B93-4E3F-4F81-AAFD-935E4AB31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1-1-2-data til CSU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971C0FE-1518-416D-AB32-0FA49CED55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da-DK" dirty="0"/>
              <a:t>29. november 2021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F65C90F-DB32-41E2-99F1-CBB2EDAAC4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</a:t>
            </a:fld>
            <a:endParaRPr lang="da-DK" dirty="0"/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5F0AB7CB-435D-4EB8-B383-00C4ED94808F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5"/>
          <a:stretch>
            <a:fillRect/>
          </a:stretch>
        </p:blipFill>
        <p:spPr>
          <a:xfrm>
            <a:off x="871615" y="1160748"/>
            <a:ext cx="11320385" cy="45365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33046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F65C90F-DB32-41E2-99F1-CBB2EDAAC4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46451AE6-ECBC-41BA-9ECF-B56E8A95F13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0654" y="1052736"/>
            <a:ext cx="11441346" cy="446971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928011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E355D0C1-A953-4DDF-BBD1-AECDA74B1B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7D0E3A7-7283-4DBB-B6C4-811C7D5AFC8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6264" y="980728"/>
            <a:ext cx="11355735" cy="45084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7770618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93A4940-F548-4642-A4F1-AA86E99B8D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5</a:t>
            </a:fld>
            <a:endParaRPr lang="da-DK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607F1C51-EA63-4FD6-99C2-5E957817DD5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268" y="1339360"/>
            <a:ext cx="11398732" cy="41792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949646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DA55F4E4-3F5E-4532-8B73-BDD1771205C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6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D4063B41-DC97-481B-A3D1-34A9BF8EDBC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04711" y="1281002"/>
            <a:ext cx="11487288" cy="42959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226830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5D74DD10-EBFA-45C1-9997-17A3FD83CD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7</a:t>
            </a:fld>
            <a:endParaRPr lang="da-DK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AED4E52E-D2FE-47DD-8CCC-031A20EA8ED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8960" y="1104514"/>
            <a:ext cx="11399646" cy="4609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915238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2BECC5F-A114-4BCC-A223-3881C4AE3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ommentering</a:t>
            </a:r>
            <a:br>
              <a:rPr lang="da-DK" dirty="0"/>
            </a:br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886E22B-29E8-4EAD-9BC5-CC6A59D574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dirty="0" smtClean="0"/>
              <a:t>8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78451FDB-0D23-4047-8734-0CD3F93DEF3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391" y="1340768"/>
            <a:ext cx="10136614" cy="4803290"/>
          </a:xfrm>
        </p:spPr>
        <p:txBody>
          <a:bodyPr vert="horz" lIns="0" tIns="0" rIns="0" bIns="0" rtlCol="0" anchor="t">
            <a:noAutofit/>
          </a:bodyPr>
          <a:lstStyle/>
          <a:p>
            <a:pPr marL="269875" indent="-269875"/>
            <a:r>
              <a:rPr lang="da-DK" sz="1400" dirty="0"/>
              <a:t>Antal (håndterede) 1-1-2 opkald steg markant fra juni 2021 (uge 22). Der er en lille stigning i antal 1-1-2 opkald fra uge 47 (3.265 opkald) til uge 48 (3.459 opkald). Antal 1-1-2 opkald ligger fortsat på et relativt højt niveau sammenlignet med ugerne op til juni 2021. </a:t>
            </a:r>
            <a:endParaRPr lang="da-DK" dirty="0"/>
          </a:p>
          <a:p>
            <a:pPr marL="269875" indent="-269875"/>
            <a:r>
              <a:rPr lang="da-DK" sz="1400" dirty="0"/>
              <a:t>Antal køopkald steg ligeledes markant fra juni 2021, hvor der i nogle uger (og særligt på bestemte dage) var ekstraordinært mange </a:t>
            </a:r>
            <a:r>
              <a:rPr lang="da-DK" sz="1400" dirty="0" err="1"/>
              <a:t>køopkald</a:t>
            </a:r>
            <a:r>
              <a:rPr lang="da-DK" sz="1400" dirty="0"/>
              <a:t>. Antal </a:t>
            </a:r>
            <a:r>
              <a:rPr lang="da-DK" sz="1400" dirty="0" err="1"/>
              <a:t>køopkald</a:t>
            </a:r>
            <a:r>
              <a:rPr lang="da-DK" sz="1400" dirty="0"/>
              <a:t> har været faldende siden uge 35. Antal </a:t>
            </a:r>
            <a:r>
              <a:rPr lang="da-DK" sz="1400" dirty="0" err="1"/>
              <a:t>køopkald</a:t>
            </a:r>
            <a:r>
              <a:rPr lang="da-DK" sz="1400" dirty="0"/>
              <a:t> er steget en smule fra uge 47 (149 </a:t>
            </a:r>
            <a:r>
              <a:rPr lang="da-DK" sz="1400" dirty="0" err="1"/>
              <a:t>køopkald</a:t>
            </a:r>
            <a:r>
              <a:rPr lang="da-DK" sz="1400" dirty="0"/>
              <a:t>) til uge 48 (181 </a:t>
            </a:r>
            <a:r>
              <a:rPr lang="da-DK" sz="1400" dirty="0" err="1"/>
              <a:t>køopkald</a:t>
            </a:r>
            <a:r>
              <a:rPr lang="da-DK" sz="1400" dirty="0"/>
              <a:t>). Dette er markant færre end i ugerne i perioden juni-august 2021, men fortsat flere end før juni 2021. </a:t>
            </a:r>
            <a:endParaRPr lang="da-DK" sz="1400" dirty="0">
              <a:cs typeface="Arial"/>
            </a:endParaRPr>
          </a:p>
          <a:p>
            <a:pPr marL="269875" indent="-269875"/>
            <a:r>
              <a:rPr lang="da-DK" sz="1400" dirty="0"/>
              <a:t>Som konsekvens af ovenstående har andelen af køopkald ud af alle 1-1-2 opkald været ekstraordinær høj i ugerne i perioden juni-august 2021. Andelen har samlet set været faldende siden uge 35. Andelen af </a:t>
            </a:r>
            <a:r>
              <a:rPr lang="da-DK" sz="1400" dirty="0" err="1"/>
              <a:t>køopkald</a:t>
            </a:r>
            <a:r>
              <a:rPr lang="da-DK" sz="1400" dirty="0"/>
              <a:t> ud af alle 1-1-2 opkald er på ca. samme niveau i uge 47 (4,4%) som i uge 48 (5,0%).  </a:t>
            </a:r>
            <a:endParaRPr lang="da-DK" sz="1400" dirty="0">
              <a:cs typeface="Arial"/>
            </a:endParaRPr>
          </a:p>
          <a:p>
            <a:pPr marL="269875" indent="-269875"/>
            <a:r>
              <a:rPr lang="da-DK" sz="1400" dirty="0"/>
              <a:t>Antal 1-1-2 hændelser følger generelt samme udvikling som 1-1-2 opkald. Der er en stigning i antal 1-1-2 hændelser fra uge 47 (2.488 hændelser) til uge 48 (2.642 hændelser).</a:t>
            </a:r>
            <a:endParaRPr lang="da-DK" sz="1400" dirty="0">
              <a:cs typeface="Arial"/>
            </a:endParaRPr>
          </a:p>
          <a:p>
            <a:pPr marL="269875" indent="-269875"/>
            <a:r>
              <a:rPr lang="da-DK" sz="1400" dirty="0"/>
              <a:t>Antallet af elektroniske blanketter med kommentaren ”Ingen kontakt til AMK” steg ligeledes markant fra juni 2021, men har større variationer på ugebasis. Antallet af blanketter er på ca. samme niveau i uge 47 (40 blanketter) som i uge 48 (42 blanketter). Antallet af elektroniske blanketter i uge 46 ligger på et fortsat højt niveau sammenlignet med ugerne før juni 2021. </a:t>
            </a:r>
            <a:endParaRPr lang="da-DK" sz="1400" dirty="0">
              <a:cs typeface="Arial"/>
            </a:endParaRPr>
          </a:p>
          <a:p>
            <a:pPr marL="269875" indent="-269875"/>
            <a:r>
              <a:rPr lang="da-DK" sz="1400" dirty="0"/>
              <a:t>Som konsekvens af ovenstående har andelen af elektroniske blanketter ud af alle 1-1-2 hændelser været markant højere fra juni 2021. Andelen af elektroniske blanketter </a:t>
            </a:r>
            <a:r>
              <a:rPr lang="da-DK" sz="1400"/>
              <a:t>er uændret </a:t>
            </a:r>
            <a:r>
              <a:rPr lang="da-DK" sz="1400" dirty="0"/>
              <a:t>fra </a:t>
            </a:r>
            <a:r>
              <a:rPr lang="da-DK" sz="1400"/>
              <a:t>uge 47 (1,5%) </a:t>
            </a:r>
            <a:r>
              <a:rPr lang="da-DK" sz="1400" dirty="0"/>
              <a:t>til </a:t>
            </a:r>
            <a:r>
              <a:rPr lang="da-DK" sz="1400"/>
              <a:t>uge 48 </a:t>
            </a:r>
            <a:r>
              <a:rPr lang="da-DK" sz="1400" dirty="0"/>
              <a:t>(1,5%). Andelen ligger på et fortsat højt niveau sammenlignet med ugerne op til juni 2021. </a:t>
            </a:r>
            <a:endParaRPr lang="da-DK" sz="1400" dirty="0">
              <a:cs typeface="Arial"/>
            </a:endParaRPr>
          </a:p>
          <a:p>
            <a:pPr marL="269875" indent="-269875"/>
            <a:endParaRPr lang="da-DK" sz="1400" dirty="0"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45415935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Darkblue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193C65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73038323624315","enableDocumentContentUpdater":true,"version":"1.3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8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9.xml><?xml version="1.0" encoding="utf-8"?>
<TemplafyTemplateConfiguration><![CDATA[{"elementsMetadata":[{"type":"shape","id":"85c68d30-6c2e-46a7-82b6-2b0ffac93789","elementConfiguration":{"inheritDimensions":"inheritNone","width":"1.9 cm","height":"1.9 cm","disableUpdates":false,"type":"image"}},{"type":"shape","id":"9c937e9f-4888-4e97-b448-ec30b67f3d9b","elementConfiguration":{"binding":"UserProfile.Office.Virksomhed_{{DocumentLanguage}}","disableUpdates":false,"type":"text"}},{"type":"shape","id":"12ee0ce0-efd9-434b-866c-3bfa13b6813b","elementConfiguration":{"binding":"UserProfile.CenterFreeText","visibility":{"action":"hide","binding":"UserProfile.Centers.CenterUI","operator":"notEquals","compareValue":"Intet valgt"},"disableUpdates":false,"type":"text"}},{"type":"shape","id":"33315d52-dee0-4228-915e-48595c70ba3d","elementConfiguration":{"binding":"UserProfile.Centers.Center_{{DocumentLanguage}}","visibility":{"action":"hide","binding":"UserProfile.Centers.CenterUI","operator":"equals","compareValue":"Intet valgt"},"disableUpdates":false,"type":"text"}},{"type":"shape","id":"2259c4df-e327-4cca-8752-e03f26181342","elementConfiguration":{"binding":"Form.PresentationTitle","disableUpdates":false,"type":"text"}},{"type":"shape","id":"90dadd06-171c-4ab6-af8d-0a04e89d2f77","elementConfiguration":{"inheritDimensions":"inheritNone","width":"1.9 cm","height":"1.9 cm","binding":"UserProfile.Office.LogoColor_DCU","disableUpdates":false,"type":"image"}},{"type":"shape","id":"bf167cda-d0bf-447e-9b67-166c053c21b2","elementConfiguration":{"inheritDimensions":"inheritNone","width":"3.68 cm","height":"1.17 cm","binding":"UserProfile.EkstraLogo.ExtraLogoPPNEGDCU_{{DocumentLanguage}}","disableUpdates":false,"type":"image"}},{"type":"shape","id":"4df80421-dfef-4da5-9283-a03b02cd4f9c","elementConfiguration":{"inheritDimensions":"inheritNone","width":"2.42 cm","height":"2.5 cm","binding":"UserProfile.EkstraLogo.ExtraLogoFive_PP_DCU_{{DocumentLanguage}}","disableUpdates":false,"type":"image"}},{"type":"shape","id":"51f65eb0-0766-4931-9874-dfadd884bbae","elementConfiguration":{"inheritDimensions":"inheritNone","width":"2.42 cm","height":"2.5 cm","binding":"UserProfile.EkstraLogo.ExtraLogoTwo_PP_DCU_{{DocumentLanguage}}","disableUpdates":false,"type":"image"}},{"type":"shape","id":"0168b9ad-7998-4994-8512-16b18db98116","elementConfiguration":{"binding":"UserProfile.Name","visibility":{"action":"hide","binding":"Form.Manuel_dato","operator":"notEquals","compareValue":""},"disableUpdates":false,"type":"text"}},{"type":"shape","id":"ed4163fc-9872-493a-85f7-f7c2ce70c141","elementConfiguration":{"binding":"Form.Manuel_dato","visibility":{"action":"hide","operator":"equals","compareValue":""},"disableUpdates":false,"type":"text"}},{"type":"shape","id":"c3489500-cfdd-445f-9348-846a2318d69f","elementConfiguration":{"inheritDimensions":"inheritNone","width":"6.05 cm","height":"1.9 cm","binding":"UserProfile.EkstraLogo.ExtraLogoSix_PP_DCU_{{DocumentLanguage}}","disableUpdates":false,"type":"image"}},{"type":"shape","id":"2d4f3d36-6f72-4342-9c50-27256d521325","elementConfiguration":{"inheritDimensions":"inheritWidth","width":"1.91 cm","binding":"UserProfile.Office.LogoH_PP_DCU","disableUpdates":false,"type":"image"}},{"type":"shape","id":"5448c060-9fca-463c-9498-416879fa035c","elementConfiguration":{"binding":"UserProfile.Office.Virksomhed_{{DocumentLanguage}}","disableUpdates":false,"type":"text"}},{"type":"shape","id":"75d8d952-d8d0-4ee5-91eb-49b77d1e4241","elementConfiguration":{"binding":"UserProfile.CenterFreeText","visibility":{"action":"hide","binding":"UserProfile.Centers.CenterUI","operator":"notEquals","compareValue":"Intet valgt"},"disableUpdates":false,"type":"text"}},{"type":"shape","id":"7f58ed97-5ab9-40f0-ab06-ea1c579cea48","elementConfiguration":{"binding":"UserProfile.Centers.Center_{{DocumentLanguage}}","visibility":{"action":"hide","binding":"UserProfile.Centers.CenterUI","operator":"equals","compareValue":"Intet valgt"},"disableUpdates":false,"type":"text"}},{"type":"shape","id":"24745170-edf1-4745-a0a0-20c6b49bc3e3","elementConfiguration":{"binding":"Form.PresentationTitle","disableUpdates":false,"type":"text"}},{"type":"shape","id":"602d822a-8dda-4df7-84d4-8fb11c76b696","elementConfiguration":{"inheritDimensions":"inheritNone","width":"2.42 cm","height":"2.5 cm","binding":"UserProfile.EkstraLogo.ExtraLogoFive_PP_DCU_{{DocumentLanguage}}","disableUpdates":false,"type":"image"}},{"type":"shape","id":"890cc472-d521-43f5-92c9-ec8290737b07","elementConfiguration":{"inheritDimensions":"inheritNone","width":"2.42 cm","height":"2.5 cm","binding":"UserProfile.EkstraLogo.ExtraLogoTwo_PP_DCU_{{DocumentLanguage}}","disableUpdates":false,"type":"image"}},{"type":"shape","id":"3fef9b20-27df-4eb0-9765-e29b4a42b55b","elementConfiguration":{"binding":"UserProfile.Name","visibility":{"action":"hide","binding":"Form.Manuel_dato","operator":"notEquals","compareValue":""},"disableUpdates":false,"type":"text"}},{"type":"shape","id":"221722e8-18c6-430a-8ba7-bf6b530b3933","elementConfiguration":{"binding":"Form.Manuel_dato","visibility":{"action":"hide","operator":"equals","compareValue":""},"disableUpdates":false,"type":"text"}},{"type":"shape","id":"385c56e0-1635-451f-bf77-240d083a6469","elementConfiguration":{"inheritDimensions":"inheritNone","width":"1.9 cm","height":"19.05 cm","binding":"UserProfile.Office.LogoColor_DCU","disableUpdates":false,"type":"image"}},{"type":"shape","id":"1502f551-aa27-4a33-b1cd-b91657973591","elementConfiguration":{"inheritDimensions":"inheritNone","width":"3.68 cm","height":"1.17 cm","binding":"UserProfile.EkstraLogo.ExtraLogoPPNEGDCU_{{DocumentLanguage}}","disableUpdates":false,"type":"image"}},{"type":"shape","id":"1d13f579-37c6-416a-ae67-9cb7957eda16","elementConfiguration":{"inheritDimensions":"inheritNone","width":"6.05 cm","height":"1.9 cm","binding":"UserProfile.EkstraLogo.ExtraLogoSix_PP_DCU_{{DocumentLanguage}}","disableUpdates":false,"type":"image"}},{"type":"shape","id":"8c0d1559-c5ef-4ced-bfe2-bc9a061bf14b","elementConfiguration":{"inheritDimensions":"inheritWidth","width":"1.91 cm","binding":"UserProfile.Office.LogoH_PP_DCU","disableUpdates":false,"type":"image"}},{"type":"shape","id":"4d2e38c1-03f7-4518-9c92-31f9f7c762e6","elementConfiguration":{"binding":"UserProfile.Office.Virksomhed_{{DocumentLanguage}}","disableUpdates":false,"type":"text"}},{"type":"shape","id":"0c1f06fe-75ae-4b38-94ad-fd8aaf98e7e9","elementConfiguration":{"binding":"UserProfile.CenterFreeText","visibility":{"action":"hide","binding":"UserProfile.Centers.CenterUI","operator":"notEquals","compareValue":"Intet valgt"},"disableUpdates":false,"type":"text"}},{"type":"shape","id":"1928be64-7056-49bc-99c8-1a4ec06beebd","elementConfiguration":{"binding":"UserProfile.Centers.Center_{{DocumentLanguage}}","visibility":{"action":"hide","binding":"UserProfile.Centers.CenterUI","operator":"equals","compareValue":"Intet valgt"},"disableUpdates":false,"type":"text"}},{"type":"shape","id":"22ac19d8-e1e0-4b80-b182-d7a7b2b67caa","elementConfiguration":{"binding":"Form.PresentationTitle","disableUpdates":false,"type":"text"}},{"type":"shape","id":"ed72f06d-a4aa-48a8-9b67-5be33766515c","elementConfiguration":{"inheritDimensions":"inheritNone","width":"1.9 cm","height":"1.9 cm","binding":"UserProfile.Office.LogoColor_DCU","disableUpdates":false,"type":"image"}},{"type":"shape","id":"34794015-a680-489e-bfea-e7a2a64473d9","elementConfiguration":{"inheritDimensions":"inheritNone","width":"3.68 cm","height":"1.17 cm","binding":"UserProfile.EkstraLogo.ExtraLogoPPNEGDCU_{{DocumentLanguage}}","disableUpdates":false,"type":"image"}},{"type":"shape","id":"0ead7522-b04c-412e-8e83-681cc9a20a0d","elementConfiguration":{"inheritDimensions":"inheritNone","width":"2.42 cm","height":"2.5 cm","binding":"UserProfile.EkstraLogo.ExtraLogoFive_PP_DCU_{{DocumentLanguage}}","disableUpdates":false,"type":"image"}},{"type":"shape","id":"2ddc9405-0ba1-46ad-ac94-0e156b6cf743","elementConfiguration":{"inheritDimensions":"inheritNone","width":"2.42 cm","height":"2.5 cm","binding":"UserProfile.EkstraLogo.ExtraLogoTwo_PP_DCU_{{DocumentLanguage}}","disableUpdates":false,"type":"image"}},{"type":"shape","id":"f6f938be-efb6-4e4e-9d16-2a173ee56d4b","elementConfiguration":{"binding":"UserProfile.Name","visibility":{"action":"hide","binding":"Form.Manuel_dato","operator":"notEquals","compareValue":""},"disableUpdates":false,"type":"text"}},{"type":"shape","id":"c0a92fe2-85d7-487b-a67c-c543d63cd4b0","elementConfiguration":{"binding":"Form.Manuel_dato","visibility":{"action":"hide","operator":"equals","compareValue":""},"disableUpdates":false,"type":"text"}},{"type":"shape","id":"15a20438-bfd6-4d32-a57b-9c81ea74b305","elementConfiguration":{"inheritDimensions":"inheritNone","width":"6.05 cm","height":"1.9 cm","binding":"UserProfile.EkstraLogo.ExtraLogoSix_PP_DCU_{{DocumentLanguage}}","disableUpdates":false,"type":"image"}},{"type":"shape","id":"ede0cdf5-513c-4722-b630-33a3120dc01c","elementConfiguration":{"inheritDimensions":"inheritWidth","width":"1.91 cm","binding":"UserProfile.Office.LogoH_PP_DCU","disableUpdates":false,"type":"image"}},{"type":"shape","id":"c9f0391b-384f-492c-9278-d4d928a009c9","elementConfiguration":{"binding":"UserProfile.Office.Virksomhed_{{DocumentLanguage}}","disableUpdates":false,"type":"text"}},{"type":"shape","id":"34492601-3176-4f82-8d7b-396f69aee49b","elementConfiguration":{"binding":"UserProfile.CenterFreeText","visibility":{"action":"hide","binding":"UserProfile.Centers.CenterUI","operator":"notEquals","compareValue":"Intet valgt"},"disableUpdates":false,"type":"text"}},{"type":"shape","id":"c209af6f-76e2-45ca-a428-561188651208","elementConfiguration":{"binding":"UserProfile.Centers.Center_{{DocumentLanguage}}","visibility":{"action":"hide","binding":"UserProfile.Centers.CenterUI","operator":"equals","compareValue":"Intet valgt"},"disableUpdates":false,"type":"text"}},{"type":"shape","id":"c04be428-c4a0-43cd-8358-dde17e6febdf","elementConfiguration":{"binding":"Form.PresentationTitle","disableUpdates":false,"type":"text"}},{"type":"shape","id":"42db5c4e-303e-406f-941b-5c0a89cd25bb","elementConfiguration":{"inheritDimensions":"inheritNone","width":"1.9 cm","height":"1.9 cm","binding":"UserProfile.Office.LogoColor_DCU","disableUpdates":false,"type":"image"}},{"type":"shape","id":"3dc0a15e-3a3e-47d2-b152-7823aefcf6e5","elementConfiguration":{"inheritDimensions":"inheritNone","width":"3.68 cm","height":"1.17 cm","binding":"UserProfile.EkstraLogo.ExtraLogoPPNEGDCU_{{DocumentLanguage}}","disableUpdates":false,"type":"image"}},{"type":"shape","id":"07c5b12b-101d-48a0-a209-5468693941ee","elementConfiguration":{"inheritDimensions":"inheritNone","width":"2.42 cm","height":"2.5 cm","binding":"UserProfile.EkstraLogo.ExtraLogoFive_PP_DCU_{{DocumentLanguage}}","disableUpdates":false,"type":"image"}},{"type":"shape","id":"0529a258-bddf-47a0-9b6c-2ba40cb991f2","elementConfiguration":{"inheritDimensions":"inheritNone","width":"2.42 cm","height":"2.5 cm","binding":"UserProfile.EkstraLogo.ExtraLogoTwo_PP_DCU_{{DocumentLanguage}}","disableUpdates":false,"type":"image"}},{"type":"shape","id":"ea3b7301-34d9-41a4-9fed-e939e4517c87","elementConfiguration":{"binding":"UserProfile.Name","visibility":{"action":"hide","binding":"Form.Manuel_dato","operator":"notEquals","compareValue":""},"disableUpdates":false,"type":"text"}},{"type":"shape","id":"04a2e931-d9e2-4ead-92f9-ef5d7cbf142e","elementConfiguration":{"binding":"Form.Manuel_dato","visibility":{"action":"hide","operator":"equals","compareValue":""},"disableUpdates":false,"type":"text"}},{"type":"shape","id":"346895a6-c456-4706-b492-4f93bd81233d","elementConfiguration":{"inheritDimensions":"inheritNone","width":"6.05 cm","height":"1.9 cm","binding":"UserProfile.EkstraLogo.ExtraLogoSix_PP_DCU_{{DocumentLanguage}}","disableUpdates":false,"type":"image"}},{"type":"shape","id":"84c0b3d9-f1fe-4294-ae63-4063fc7c1a49","elementConfiguration":{"inheritDimensions":"inheritWidth","width":"1.91 cm","binding":"UserProfile.Office.LogoH_PP_DCU","disableUpdates":false,"type":"image"}},{"type":"shape","id":"509c235f-8846-45ed-a975-cf6d731bcb59","elementConfiguration":{"inheritDimensions":"inheritNone","width":"3.68 cm","height":"1.17 cm","binding":"UserProfile.EkstraLogo.ExtraLogoPPDCU_{{DocumentLanguage}}","disableUpdates":false,"type":"image"}},{"type":"shape","id":"1e9611a0-8213-4799-92e0-e56380d5edf7","elementConfiguration":{"binding":"UserProfile.Office.Virksomhed_{{DocumentLanguage}}","disableUpdates":false,"type":"text"}},{"type":"shape","id":"16fd9aa7-3f8f-4262-9b92-b6282426f8cc","elementConfiguration":{"binding":"UserProfile.CenterFreeText","visibility":{"action":"hide","binding":"UserProfile.Centers.CenterUI","operator":"notEquals","compareValue":"Intet valgt"},"disableUpdates":false,"type":"text"}},{"type":"shape","id":"9a032c12-f754-439f-b555-7172507576ed","elementConfiguration":{"binding":"UserProfile.Centers.Center_{{DocumentLanguage}}","visibility":{"action":"hide","binding":"UserProfile.Centers.CenterUI","operator":"equals","compareValue":"Intet valgt"},"disableUpdates":false,"type":"text"}},{"type":"shape","id":"1e079568-705f-42de-be87-5bb892189ef1","elementConfiguration":{"binding":"Form.PresentationTitle","disableUpdates":false,"type":"text"}},{"type":"shape","id":"85e274cf-f3ec-42eb-8e55-552ebe8585ef","elementConfiguration":{"inheritDimensions":"inheritNone","width":"2.42 cm","height":"2.5 cm","binding":"UserProfile.EkstraLogo.ExtraLogoFive_PP_DCU_{{DocumentLanguage}}","disableUpdates":false,"type":"image"}},{"type":"shape","id":"329dd64d-195b-4f3c-8b38-c22cc7df4f59","elementConfiguration":{"inheritDimensions":"inheritNone","width":"2.42 cm","height":"2.5 cm","binding":"UserProfile.EkstraLogo.ExtraLogoTwo_PP_DCU_{{DocumentLanguage}}","disableUpdates":false,"type":"image"}},{"type":"shape","id":"c26cfecd-e53d-4b15-85e7-6c869a48191b","elementConfiguration":{"binding":"UserProfile.Name","visibility":{"action":"hide","binding":"Form.Manuel_dato","operator":"notEquals","compareValue":""},"disableUpdates":false,"type":"text"}},{"type":"shape","id":"f1f84ac9-ffaa-465a-a9ab-bbb9042995d2","elementConfiguration":{"binding":"Form.Manuel_dato","visibility":{"action":"hide","operator":"equals","compareValue":""},"disableUpdates":false,"type":"text"}},{"type":"shape","id":"416613b6-ba33-4ce2-b759-71f5e6a7ed15","elementConfiguration":{"inheritDimensions":"inheritNone","width":"1.9 cm","height":"19.05 cm","binding":"UserProfile.Office.LogoColor_DCU","disableUpdates":false,"type":"image"}},{"type":"shape","id":"3019fcd0-647d-4d9b-849c-c0d18a00ca6b","elementConfiguration":{"inheritDimensions":"inheritNone","width":"6.05 cm","height":"1.9 cm","binding":"UserProfile.EkstraLogo.ExtraLogoSix_PP_DCU_{{DocumentLanguage}}","disableUpdates":false,"type":"image"}},{"type":"shape","id":"bcb14275-c90b-4f8d-b003-3828d4a0582c","elementConfiguration":{"inheritDimensions":"inheritWidth","width":"1.91 cm","binding":"UserProfile.Office.LogoH_PP_DCU","disableUpdates":false,"type":"image"}},{"type":"shape","id":"e57e2e65-dd22-451b-b9b1-c72b5d070cd6","elementConfiguration":{"inheritDimensions":"inheritNone","width":"33.89 cm","height":"19.07 cm","binding":"UserProfile.Centers.VaelgKorrektSkabelon169DCU","disableUpdates":false,"type":"image"}},{"type":"shape","id":"c54601db-7d60-4517-8c3d-1ca7c41edeef","elementConfiguration":{"inheritDimensions":"inheritNone","width":"33.89 cm","height":"19.07 cm","binding":"UserProfile.Centers.VaelgKorrektSkabelon169DCU","disableUpdates":false,"type":"image"}},{"type":"shape","id":"cdef5336-da68-4081-a6cc-6abcf2e4d8d0","elementConfiguration":{"binding":"Form.PresentationTitle","disableUpdates":false,"type":"text"}},{"type":"shape","id":"30609c6d-67e4-4045-aed3-da505d97b68c","elementConfiguration":{"binding":"UserProfile.Name","visibility":{"action":"hide","binding":"Form.Manuel_dato","operator":"notEquals","compareValue":""},"disableUpdates":false,"type":"text"}},{"type":"shape","id":"a72af40e-8368-46a5-bbaa-d7b24c947c03","elementConfiguration":{"inheritDimensions":"inheritNone","width":"3.68 cm","height":"1.17 cm","binding":"UserProfile.EkstraLogo.ExtraLogoPPNEGDCU_{{DocumentLanguage}}","disableUpdates":false,"type":"image"}},{"type":"shape","id":"5060217f-95f3-472a-b2d3-5d350e239098","elementConfiguration":{"inheritDimensions":"inheritNone","width":"2.42 cm","height":"2.5 cm","binding":"UserProfile.EkstraLogo.ExtraLogoFive_PP_DCU_{{DocumentLanguage}}","disableUpdates":false,"type":"image"}},{"type":"shape","id":"7288ee03-ddad-4629-a302-c216fab9f8f8","elementConfiguration":{"inheritDimensions":"inheritNone","width":"2.42 cm","height":"2.5 cm","binding":"UserProfile.EkstraLogo.ExtraLogoTwo_PP_DCU_{{DocumentLanguage}}","disableUpdates":false,"type":"image"}},{"type":"shape","id":"6e784389-3130-46d6-bbaf-06a72980d7c0","elementConfiguration":{"binding":"UserProfile.Office.Virksomhed_{{DocumentLanguage}}","disableUpdates":false,"type":"text"}},{"type":"shape","id":"bd982a02-dfd7-4a62-a606-6a0a5e4895cf","elementConfiguration":{"binding":"UserProfile.CenterFreeText","visibility":{"action":"hide","binding":"UserProfile.Centers.CenterUI","operator":"notEquals","compareValue":"Intet valgt"},"disableUpdates":false,"type":"text"}},{"type":"shape","id":"39523646-2bcc-4a28-b9be-39531b388843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a97502c1-1b82-464b-8b50-28e3cd4301bb","elementConfiguration":{"binding":"Form.Manuel_dato","visibility":{"action":"hide","operator":"equals","compareValue":""},"disableUpdates":false,"type":"text"}},{"type":"shape","id":"3748ba5e-4348-4d1b-b2ec-72c74e848cb5","elementConfiguration":{"inheritDimensions":"inheritNone","width":"1.9 cm","height":"19.05 cm","binding":"UserProfile.Office.LogoColor_DCU","disableUpdates":false,"type":"image"}},{"type":"shape","id":"aa764153-bbe6-4cbc-a241-2602598f67dc","elementConfiguration":{"inheritDimensions":"inheritNone","width":"6.05 cm","height":"1.9 cm","binding":"UserProfile.EkstraLogo.ExtraLogoSix_PP_DCU_{{DocumentLanguage}}","disableUpdates":false,"type":"image"}},{"type":"shape","id":"96d7462d-1542-4041-955d-4502d20c0800","elementConfiguration":{"inheritDimensions":"inheritWidth","width":"1.91 cm","binding":"UserProfile.Office.LogoH_PP_DCU","disableUpdates":false,"type":"image"}},{"type":"shape","id":"56690941-0140-45af-b50d-b523ca2e4a29","elementConfiguration":{"inheritDimensions":"inheritNone","width":"33.89 cm","height":"19.07 cm","binding":"UserProfile.Centers.VaelgKorrektSkabelon169DCU","disableUpdates":false,"type":"image"}},{"type":"shape","id":"d6804bd8-dba4-46bf-b6b0-a5dd4536f9b4","elementConfiguration":{"inheritDimensions":"inheritNone","width":"33.89 cm","height":"19.07 cm","binding":"UserProfile.Centers.VaelgKorrektSkabelon169DCU","disableUpdates":false,"type":"image"}},{"type":"shape","id":"dda28e5f-7cbb-4f9e-8f6c-de576e9c4d0f","elementConfiguration":{"binding":"Form.PresentationTitle","disableUpdates":false,"type":"text"}},{"type":"shape","id":"b49dacf9-0dbd-477c-90be-6ee806885050","elementConfiguration":{"binding":"UserProfile.Name","visibility":{"action":"hide","binding":"Form.Manuel_dato","operator":"notEquals","compareValue":""},"disableUpdates":false,"type":"text"}},{"type":"shape","id":"014810b9-9d05-4ad7-b170-559b3591cb0f","elementConfiguration":{"inheritDimensions":"inheritNone","width":"3.68 cm","height":"1.17 cm","binding":"UserProfile.EkstraLogo.ExtraLogoPPNEGDCU_{{DocumentLanguage}}","disableUpdates":false,"type":"image"}},{"type":"shape","id":"dbe02beb-2486-4071-a624-31d7ae3a76d2","elementConfiguration":{"inheritDimensions":"inheritNone","width":"2.42 cm","height":"2.5 cm","binding":"UserProfile.EkstraLogo.ExtraLogoFive_PP_DCU_{{DocumentLanguage}}","disableUpdates":false,"type":"image"}},{"type":"shape","id":"b9dcf323-8d9b-4b40-a40a-9d32cfe45211","elementConfiguration":{"inheritDimensions":"inheritNone","width":"2.42 cm","height":"2.5 cm","binding":"UserProfile.EkstraLogo.ExtraLogoTwo_PP_DCU_{{DocumentLanguage}}","disableUpdates":false,"type":"image"}},{"type":"shape","id":"3f13472c-e0ac-4901-b1b9-5a0183e8a1dc","elementConfiguration":{"binding":"UserProfile.Office.Virksomhed_{{DocumentLanguage}}","disableUpdates":false,"type":"text"}},{"type":"shape","id":"283435e7-61ba-483f-a1f2-20650d37c90a","elementConfiguration":{"binding":"UserProfile.CenterFreeText","visibility":{"action":"hide","binding":"UserProfile.Centers.CenterUI","operator":"notEquals","compareValue":"Intet valgt"},"disableUpdates":false,"type":"text"}},{"type":"shape","id":"8859e944-6f29-47c1-b835-c5b23e6307d2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88327f2e-a757-44fe-a987-b06a5377d9f4","elementConfiguration":{"binding":"Form.Manuel_dato","visibility":{"action":"hide","operator":"equals","compareValue":""},"disableUpdates":false,"type":"text"}},{"type":"shape","id":"e7015f0b-3d58-419a-b367-1463baf24a9f","elementConfiguration":{"inheritDimensions":"inheritNone","width":"1.9 cm","height":"19.05 cm","binding":"UserProfile.Office.LogoColor_DCU","disableUpdates":false,"type":"image"}},{"type":"shape","id":"7a73c159-9495-4b1a-963b-b474f2818a64","elementConfiguration":{"inheritDimensions":"inheritNone","width":"6.05 cm","height":"1.9 cm","binding":"UserProfile.EkstraLogo.ExtraLogoSix_PP_DCU_{{DocumentLanguage}}","disableUpdates":false,"type":"image"}},{"type":"shape","id":"38cb9cbe-ce37-4d17-b5f3-77a305e933be","elementConfiguration":{"inheritDimensions":"inheritWidth","width":"1.91 cm","binding":"UserProfile.Office.LogoH_PP_DCU","disableUpdates":false,"type":"image"}},{"type":"shape","id":"5e394ee3-3d3b-4fb0-b27c-a18867f50b12","elementConfiguration":{"binding":"UserProfile.Office.Virksomhed_{{DocumentLanguage}}","disableUpdates":false,"type":"text"}},{"type":"shape","id":"d4afc87f-a924-4d33-ad0f-aa32bcd70de0","elementConfiguration":{"binding":"UserProfile.CenterFreeText","visibility":{"action":"hide","binding":"UserProfile.Centers.CenterUI","operator":"notEquals","compareValue":"Intet valgt","compareValues":[""]},"disableUpdates":false,"type":"text"}},{"type":"shape","id":"ebba59cb-551b-4e27-81c6-eee9b8dbe143","elementConfiguration":{"binding":"UserProfile.Centers.Center_{{DocumentLanguage}}","visibility":{"action":"hide","binding":"UserProfile.Centers.CenterUI","operator":"equals","compareValue":"Intet valgt"},"disableUpdates":false,"type":"text"}},{"type":"shape","id":"be01c905-1c11-4ac6-940b-89733cd6dcf2","elementConfiguration":{"binding":"Form.PresentationTitle","disableUpdates":false,"type":"text"}},{"type":"shape","id":"6db1f319-19ce-4f7c-9e6f-2220af496874","elementConfiguration":{"inheritDimensions":"inheritNone","width":"1.9 cm","height":"1.9 cm","binding":"UserProfile.Office.LogoColor_DCU","disableUpdates":false,"type":"image"}},{"type":"shape","id":"ccfc12cf-1207-4cfc-b0b6-6952201dc658","elementConfiguration":{"inheritDimensions":"inheritNone","width":"3.68 cm","height":"1.17 cm","binding":"UserProfile.EkstraLogo.ExtraLogoPPNEGDCU_{{DocumentLanguage}}","disableUpdates":false,"type":"image"}},{"type":"shape","id":"98fa922c-4a47-4881-b1c8-820dd504d1f2","elementConfiguration":{"inheritDimensions":"inheritNone","width":"2.42 cm","height":"2.5 cm","binding":"UserProfile.EkstraLogo.ExtraLogoFive_PP_DCU_{{DocumentLanguage}}","disableUpdates":false,"type":"image"}},{"type":"shape","id":"0d95fd6e-eb91-4eac-9ce6-d4ffb7ca2f38","elementConfiguration":{"inheritDimensions":"inheritNone","width":"2.42 cm","height":"2.5 cm","binding":"UserProfile.EkstraLogo.ExtraLogoTwo_PP_DCU_{{DocumentLanguage}}","disableUpdates":false,"type":"image"}},{"type":"shape","id":"71c46899-563e-4273-94d8-4d1441f3e70a","elementConfiguration":{"binding":"UserProfile.Name","visibility":{"action":"hide","binding":"Form.Manuel_dato","operator":"notEquals","compareValue":""},"disableUpdates":false,"type":"text"}},{"type":"shape","id":"a3306a31-0ecf-42a4-af98-a85faa886d8e","elementConfiguration":{"binding":"Form.Manuel_dato","visibility":{"action":"hide","operator":"equals","compareValue":""},"disableUpdates":false,"type":"text"}},{"type":"shape","id":"cfcb4e29-6816-452f-be9b-86c076154151","elementConfiguration":{"inheritDimensions":"inheritNone","width":"6.05 cm","height":"1.9 cm","binding":"UserProfile.EkstraLogo.ExtraLogoSix_PP_DCU_{{DocumentLanguage}}","disableUpdates":false,"type":"image"}},{"type":"shape","id":"86b9f7b4-20ea-4b4b-bc40-70bc7fef2b57","elementConfiguration":{"inheritDimensions":"inheritWidth","width":"1.91 cm","binding":"UserProfile.Office.LogoH_PP_DCU","disableUpdates":false,"type":"image"}},{"type":"shape","id":"663e6315-b4a1-485c-a8f8-d5ab10c33520","elementConfiguration":{"binding":"UserProfile.Office.Virksomhed_{{DocumentLanguage}}","disableUpdates":false,"type":"text"}},{"type":"shape","id":"c99d0695-1390-41a6-a660-6c82f82baf1f","elementConfiguration":{"binding":"UserProfile.CenterFreeText","visibility":{"action":"hide","binding":"UserProfile.Centers.CenterUI","operator":"notEquals","compareValue":"Intet valgt"},"disableUpdates":false,"type":"text"}},{"type":"shape","id":"1b3e194c-8b83-47a9-aaea-39aad3b1b025","elementConfiguration":{"binding":"UserProfile.Centers.Center_{{DocumentLanguage}}","visibility":{"action":"hide","binding":"UserProfile.Centers.CenterUI","operator":"equals","compareValue":"Intet valgt"},"disableUpdates":false,"type":"text"}},{"type":"shape","id":"2e71da81-c5ec-4b34-92dc-d15544576240","elementConfiguration":{"binding":"Form.PresentationTitle","disableUpdates":false,"type":"text"}},{"type":"shape","id":"e379f4be-9b25-4fc2-8da7-a8a4121dc525","elementConfiguration":{"inheritDimensions":"inheritNone","width":"1.9 cm","height":"1.9 cm","binding":"UserProfile.Office.LogoColor_DCU","disableUpdates":false,"type":"image"}},{"type":"shape","id":"da63232c-88f7-42fc-b567-9477464ea4d5","elementConfiguration":{"inheritDimensions":"inheritNone","width":"3.68 cm","height":"1.17 cm","binding":"UserProfile.EkstraLogo.ExtraLogoPPNEGDCU_{{DocumentLanguage}}","disableUpdates":false,"type":"image"}},{"type":"shape","id":"cfb1d8fa-0342-4bde-94a3-188af54f3dd3","elementConfiguration":{"inheritDimensions":"inheritNone","width":"2.42 cm","height":"2.5 cm","binding":"UserProfile.EkstraLogo.ExtraLogoFive_PP_DCU_{{DocumentLanguage}}","disableUpdates":false,"type":"image"}},{"type":"shape","id":"d4016858-f999-4e3c-ab74-2cf42159ec6d","elementConfiguration":{"inheritDimensions":"inheritNone","width":"2.42 cm","height":"2.5 cm","binding":"UserProfile.EkstraLogo.ExtraLogoTwo_PP_DCU_{{DocumentLanguage}}","disableUpdates":false,"type":"image"}},{"type":"shape","id":"b8fef36c-058a-4d8d-bf04-3d2bbd4e48c8","elementConfiguration":{"binding":"UserProfile.Name","visibility":{"action":"hide","binding":"Form.Manuel_dato","operator":"notEquals","compareValue":""},"disableUpdates":false,"type":"text"}},{"type":"shape","id":"8f73cb1c-d3d0-42b5-b334-a43eb6226bbf","elementConfiguration":{"binding":"Form.Manuel_dato","visibility":{"action":"hide","operator":"equals","compareValue":""},"disableUpdates":false,"type":"text"}},{"type":"shape","id":"a6448f23-3b09-44a2-985b-34df6d4c63db","elementConfiguration":{"inheritDimensions":"inheritNone","width":"6.05 cm","height":"1.9 cm","binding":"UserProfile.EkstraLogo.ExtraLogoSix_PP_DCU_{{DocumentLanguage}}","disableUpdates":false,"type":"image"}},{"type":"shape","id":"7e973670-3b8a-45ea-97d8-087603a2da8a","elementConfiguration":{"inheritDimensions":"inheritWidth","width":"1.91 cm","binding":"UserProfile.Office.LogoH_PP_DCU","disableUpdates":false,"type":"image"}},{"type":"shape","id":"c3d3c2f5-4987-4c40-bf45-393d8319d2d7","elementConfiguration":{"binding":"UserProfile.Office.Virksomhed_{{DocumentLanguage}}","disableUpdates":false,"type":"text"}},{"type":"shape","id":"27c0f5d2-4ba1-4081-b6f1-0b440b4a62f7","elementConfiguration":{"binding":"UserProfile.CenterFreeText","visibility":{"action":"hide","binding":"UserProfile.Centers.CenterUI","operator":"notEquals","compareValue":"Intet valgt"},"disableUpdates":false,"type":"text"}},{"type":"shape","id":"e98a8702-a92c-4634-87ea-5493c1eff5df","elementConfiguration":{"binding":"UserProfile.Centers.Center_{{DocumentLanguage}}","visibility":{"action":"hide","binding":"UserProfile.Centers.CenterUI","operator":"equals","compareValue":"Intet valgt"},"disableUpdates":false,"type":"text"}},{"type":"shape","id":"2b964064-6d05-413e-9702-4a3f0f4c10b7","elementConfiguration":{"binding":"Form.PresentationTitle","disableUpdates":false,"type":"text"}},{"type":"shape","id":"0f005c7a-25a9-4ba9-acb4-a4a9580e7b28","elementConfiguration":{"inheritDimensions":"inheritNone","width":"1.9 cm","height":"1.9 cm","binding":"UserProfile.Office.LogoColor_DCU","disableUpdates":false,"type":"image"}},{"type":"shape","id":"beb70343-a8f9-4bd0-82ec-779bd2d5f175","elementConfiguration":{"inheritDimensions":"inheritNone","width":"3.68 cm","height":"1.17 cm","binding":"UserProfile.EkstraLogo.ExtraLogoPPNEGDCU_{{DocumentLanguage}}","disableUpdates":false,"type":"image"}},{"type":"shape","id":"fbe2ea79-f2da-40c5-b2bb-be53e4fb4830","elementConfiguration":{"inheritDimensions":"inheritNone","width":"2.42 cm","height":"2.5 cm","binding":"UserProfile.EkstraLogo.ExtraLogoFive_PP_DCU_{{DocumentLanguage}}","disableUpdates":false,"type":"image"}},{"type":"shape","id":"c9b31d54-8b1a-45f6-a48e-33e2e9252242","elementConfiguration":{"inheritDimensions":"inheritNone","width":"2.42 cm","height":"2.5 cm","binding":"UserProfile.EkstraLogo.ExtraLogoTwo_PP_DCU_{{DocumentLanguage}}","disableUpdates":false,"type":"image"}},{"type":"shape","id":"75a6edc3-978e-4a65-9310-b5ea249d236c","elementConfiguration":{"binding":"UserProfile.Name","visibility":{"action":"hide","binding":"Form.Manuel_dato","operator":"notEquals","compareValue":""},"disableUpdates":false,"type":"text"}},{"type":"shape","id":"134d01aa-dd92-4113-8d00-c6515143eda5","elementConfiguration":{"binding":"Form.Manuel_dato","visibility":{"action":"hide","operator":"equals","compareValue":""},"disableUpdates":false,"type":"text"}},{"type":"shape","id":"f99dae40-3b10-4875-8384-4a428fb6fb41","elementConfiguration":{"inheritDimensions":"inheritNone","width":"6.05 cm","height":"1.9 cm","binding":"UserProfile.EkstraLogo.ExtraLogoSix_PP_DCU_{{DocumentLanguage}}","disableUpdates":false,"type":"image"}},{"type":"shape","id":"b110693d-c02b-400c-8995-ac28fd73fa81","elementConfiguration":{"inheritDimensions":"inheritWidth","width":"1.91 cm","binding":"UserProfile.Office.LogoH_PP_DCU","disableUpdates":false,"type":"image"}},{"type":"shape","id":"5bca1112-5370-4a24-ab8d-10f9ec41241e","elementConfiguration":{"inheritDimensions":"inheritNone","width":"1.9 cm","height":"19.05 cm","binding":"UserProfile.Office.LogoColor_DCU","disableUpdates":false,"type":"image"}},{"type":"shape","id":"d61dd05a-79ce-417a-bbe3-2c9b4fee7892","elementConfiguration":{"inheritDimensions":"inheritNone","width":"3.68 cm","height":"1.17 cm","binding":"UserProfile.EkstraLogo.ExtraLogoPPNEGDCU_{{DocumentLanguage}}","disableUpdates":false,"type":"image"}},{"type":"shape","id":"c86ace6b-47fd-4dd5-a7bf-e1f15e01efb9","elementConfiguration":{"binding":"UserProfile.Office.Virksomhed_{{DocumentLanguage}}","disableUpdates":false,"type":"text"}},{"type":"shape","id":"67fb1687-f4b1-4113-a7fa-e334678714a8","elementConfiguration":{"binding":"UserProfile.CenterFreeText","visibility":{"action":"hide","binding":"UserProfile.Centers.CenterUI","operator":"notEquals","compareValue":"Intet valgt","compareValues":[""]},"disableUpdates":false,"type":"text"}},{"type":"shape","id":"ddcd7832-8db7-491b-b412-d31ff4883c23","elementConfiguration":{"binding":"UserProfile.Centers.Center_{{DocumentLanguage}}","visibility":{"action":"hide","binding":"UserProfile.Centers.CenterUI","operator":"equals","compareValue":"Intet valgt"},"disableUpdates":false,"type":"text"}},{"type":"shape","id":"830914ad-c9ef-4c35-a3dc-bb213e71f285","elementConfiguration":{"binding":"Form.PresentationTitle","disableUpdates":false,"type":"text"}},{"type":"shape","id":"18fc246c-83d3-4155-8f1d-5ef64e365b04","elementConfiguration":{"inheritDimensions":"inheritNone","width":"2.42 cm","height":"2.5 cm","binding":"UserProfile.EkstraLogo.ExtraLogoFive_PP_DCU_{{DocumentLanguage}}","disableUpdates":false,"type":"image"}},{"type":"shape","id":"d555f92e-c461-4a79-9023-44b3b179c1df","elementConfiguration":{"inheritDimensions":"inheritNone","width":"2.42 cm","height":"2.5 cm","binding":"UserProfile.EkstraLogo.ExtraLogoTwo_PP_DCU_{{DocumentLanguage}}","disableUpdates":false,"type":"image"}},{"type":"shape","id":"31d40d83-5c79-4737-9e1b-cb4248b7e3c6","elementConfiguration":{"binding":"UserProfile.Name","visibility":{"action":"hide","binding":"Form.Manuel_dato","operator":"notEquals","compareValue":""},"disableUpdates":false,"type":"text"}},{"type":"shape","id":"f47d5be2-8ca3-4138-a74e-7dd56aef8029","elementConfiguration":{"binding":"Form.Manuel_dato","visibility":{"action":"hide","operator":"equals","compareValue":""},"disableUpdates":false,"type":"text"}},{"type":"shape","id":"169346de-07df-4777-b9ea-ac3007b990ca","elementConfiguration":{"inheritDimensions":"inheritNone","width":"6.05 cm","height":"1.9 cm","binding":"UserProfile.EkstraLogo.ExtraLogoSixNEG_PP_DCU_{{DocumentLanguage}}","disableUpdates":false,"type":"image"}},{"type":"shape","id":"90af9f0e-eefa-4fe1-8709-4df54c2022cc","elementConfiguration":{"inheritDimensions":"inheritWidth","width":"1.91 cm","binding":"UserProfile.Office.LogoH_PP_DCU","disableUpdates":false,"type":"image"}},{"type":"shape","id":"29110965-e04e-4041-9dfe-5496174d2ccf","elementConfiguration":{"binding":"UserProfile.Office.Virksomhed_{{DocumentLanguage}}","disableUpdates":false,"type":"text"}},{"type":"shape","id":"1f5b637f-f6f6-419a-a759-97c1638acf9f","elementConfiguration":{"binding":"UserProfile.CenterFreeText","visibility":{"action":"hide","binding":"UserProfile.Centers.CenterUI","operator":"notEquals","compareValue":"Intet valgt"},"disableUpdates":false,"type":"text"}},{"type":"shape","id":"30e4e1fc-b063-4dc4-bde5-c5de94187530","elementConfiguration":{"binding":"UserProfile.Centers.Center_{{DocumentLanguage}}","visibility":{"action":"hide","binding":"UserProfile.Centers.CenterUI","operator":"equals","compareValue":"Intet valgt"},"disableUpdates":false,"type":"text"}},{"type":"shape","id":"4da40aad-c8f3-42df-a7ab-739e1771e83a","elementConfiguration":{"binding":"Form.PresentationTitle","disableUpdates":false,"type":"text"}},{"type":"shape","id":"06f14010-44b4-47ff-ad5a-80e24b09689a","elementConfiguration":{"inheritDimensions":"inheritNone","width":"1.9 cm","height":"1.9 cm","binding":"UserProfile.Office.LogoColor_DCU","disableUpdates":false,"type":"image"}},{"type":"shape","id":"47958644-49f5-4322-8ba8-cf4129034aaf","elementConfiguration":{"inheritDimensions":"inheritNone","width":"3.68 cm","height":"1.17 cm","binding":"UserProfile.EkstraLogo.ExtraLogoPPNEGDCU_{{DocumentLanguage}}","disableUpdates":false,"type":"image"}},{"type":"shape","id":"f564f3e3-e39d-4f9c-b718-0347c8121e28","elementConfiguration":{"inheritDimensions":"inheritNone","width":"2.42 cm","height":"2.5 cm","binding":"UserProfile.EkstraLogo.ExtraLogoFive_PP_DCU_{{DocumentLanguage}}","disableUpdates":false,"type":"image"}},{"type":"shape","id":"897b4009-c085-4cb2-af0d-50a67156baa7","elementConfiguration":{"inheritDimensions":"inheritNone","width":"2.42 cm","height":"2.5 cm","binding":"UserProfile.EkstraLogo.ExtraLogoTwo_PP_DCU_{{DocumentLanguage}}","disableUpdates":false,"type":"image"}},{"type":"shape","id":"323b5ae9-7442-44f0-a51a-aeac23a05d13","elementConfiguration":{"binding":"UserProfile.Name","visibility":{"action":"hide","binding":"Form.Manuel_dato","operator":"notEquals","compareValue":""},"disableUpdates":false,"type":"text"}},{"type":"shape","id":"6d3fb201-890e-49cd-9738-e411cd90fbb5","elementConfiguration":{"binding":"Form.Manuel_dato","visibility":{"action":"hide","operator":"equals","compareValue":""},"disableUpdates":false,"type":"text"}},{"type":"shape","id":"34d61efa-688b-4468-b7d8-a603f072296c","elementConfiguration":{"inheritDimensions":"inheritNone","width":"6.05 cm","height":"1.9 cm","binding":"UserProfile.EkstraLogo.ExtraLogoSix_PP_DCU_{{DocumentLanguage}}","disableUpdates":false,"type":"image"}},{"type":"shape","id":"40b2b001-89cb-4232-a4c1-d4a0099d8c6d","elementConfiguration":{"inheritDimensions":"inheritWidth","width":"1.91 cm","binding":"UserProfile.Office.LogoH_PP_DCU","disableUpdates":false,"type":"image"}},{"type":"shape","id":"8f882e0c-194c-42bd-bb75-cc1e3aad854c","elementConfiguration":{"inheritDimensions":"inheritNone","width":"3.68 cm","height":"1.17 cm","binding":"UserProfile.EkstraLogo.ExtraLogoPPDCU_{{DocumentLanguage}}","disableUpdates":false,"type":"image"}},{"type":"shape","id":"84005abe-c4ab-481c-b06a-06115af9342f","elementConfiguration":{"binding":"UserProfile.Office.Virksomhed_{{DocumentLanguage}}","disableUpdates":false,"type":"text"}},{"type":"shape","id":"55606d86-4b26-4950-8496-8c7cb75bddbe","elementConfiguration":{"binding":"UserProfile.CenterFreeText","visibility":{"action":"hide","binding":"UserProfile.Centers.CenterUI","operator":"notEquals","compareValue":"Intet valgt"},"disableUpdates":false,"type":"text"}},{"type":"shape","id":"10d7f08b-42d7-415c-a0b3-6a3f17533464","elementConfiguration":{"binding":"UserProfile.Centers.Center_{{DocumentLanguage}}","visibility":{"action":"hide","binding":"UserProfile.Centers.CenterUI","operator":"equals","compareValue":"Intet valgt"},"disableUpdates":false,"type":"text"}},{"type":"shape","id":"a120c492-60d9-413d-bca7-f7a12187e301","elementConfiguration":{"binding":"Form.PresentationTitle","disableUpdates":false,"type":"text"}},{"type":"shape","id":"6bf0c882-32c6-497d-89e5-3bfe78881c0d","elementConfiguration":{"inheritDimensions":"inheritNone","width":"2.42 cm","height":"2.5 cm","binding":"UserProfile.EkstraLogo.ExtraLogoFive_PP_DCU_{{DocumentLanguage}}","disableUpdates":false,"type":"image"}},{"type":"shape","id":"28ee5b81-5180-4f14-aa65-8e256ba1291a","elementConfiguration":{"inheritDimensions":"inheritNone","width":"2.42 cm","height":"2.5 cm","binding":"UserProfile.EkstraLogo.ExtraLogoTwo_PP_DCU_{{DocumentLanguage}}","disableUpdates":false,"type":"image"}},{"type":"shape","id":"867d8d04-367c-4fb1-8f02-b594e00fabba","elementConfiguration":{"binding":"UserProfile.Name","visibility":{"action":"hide","binding":"Form.Manuel_dato","operator":"notEquals","compareValue":""},"disableUpdates":false,"type":"text"}},{"type":"shape","id":"634342c1-9cac-4e3d-9538-e50638c457ad","elementConfiguration":{"binding":"Form.Manuel_dato","visibility":{"action":"hide","operator":"equals","compareValue":""},"disableUpdates":false,"type":"text"}},{"type":"shape","id":"f08a42f4-e679-4c97-a644-014173e10e94","elementConfiguration":{"inheritDimensions":"inheritNone","width":"1.9 cm","height":"19.05 cm","binding":"UserProfile.Office.LogoColor_DCU","disableUpdates":false,"type":"image"}},{"type":"shape","id":"46bd4998-3bdf-40fb-b262-1f24290f0ca2","elementConfiguration":{"inheritDimensions":"inheritNone","width":"6.05 cm","height":"1.9 cm","binding":"UserProfile.EkstraLogo.ExtraLogoSix_PP_DCU_{{DocumentLanguage}}","disableUpdates":false,"type":"image"}},{"type":"shape","id":"17746625-3fa7-406a-aa3f-3b34710279d9","elementConfiguration":{"inheritDimensions":"inheritWidth","width":"1.91 cm","binding":"UserProfile.Office.LogoH_PP_DCU","disableUpdates":false,"type":"image"}},{"type":"shape","id":"94def1c7-1200-45e8-9175-0e9092d743d7","elementConfiguration":{"binding":"UserProfile.Office.Virksomhed_{{DocumentLanguage}}","disableUpdates":false,"type":"text"}},{"type":"shape","id":"57391c40-2486-4e99-908a-8f33e048efe9","elementConfiguration":{"binding":"UserProfile.CenterFreeText","visibility":{"action":"hide","binding":"UserProfile.Centers.CenterUI","operator":"notEquals","compareValue":"Intet valgt"},"disableUpdates":false,"type":"text"}},{"type":"shape","id":"d6ae0bd3-0f0c-4381-9cb9-7cd90557895e","elementConfiguration":{"binding":"UserProfile.Centers.Center_{{DocumentLanguage}}","visibility":{"action":"hide","binding":"UserProfile.Centers.CenterUI","operator":"equals","compareValue":"Intet valgt"},"disableUpdates":false,"type":"text"}},{"type":"shape","id":"1a3ab655-ca75-4e4d-a62b-bf04ba9ad735","elementConfiguration":{"binding":"Form.PresentationTitle","disableUpdates":false,"type":"text"}},{"type":"shape","id":"aa77d204-1184-4e56-b1ef-671337cdf64a","elementConfiguration":{"inheritDimensions":"inheritNone","width":"1.9 cm","height":"1.9 cm","binding":"UserProfile.Office.LogoColor_DCU","disableUpdates":false,"type":"image"}},{"type":"shape","id":"a34b7a5a-6e19-4ed3-a914-6abeadb6abea","elementConfiguration":{"inheritDimensions":"inheritNone","width":"3.68 cm","height":"1.17 cm","binding":"UserProfile.EkstraLogo.ExtraLogoPPNEGDCU_{{DocumentLanguage}}","disableUpdates":false,"type":"image"}},{"type":"shape","id":"dc82f5b0-9834-41d6-8d56-aebcda0badf6","elementConfiguration":{"inheritDimensions":"inheritNone","width":"2.42 cm","height":"2.5 cm","binding":"UserProfile.EkstraLogo.ExtraLogoFive_PP_DCU_{{DocumentLanguage}}","disableUpdates":false,"type":"image"}},{"type":"shape","id":"aeff5618-3463-49c6-a661-103fded91be0","elementConfiguration":{"inheritDimensions":"inheritNone","width":"2.42 cm","height":"2.5 cm","binding":"UserProfile.EkstraLogo.ExtraLogoTwo_PP_DCU_{{DocumentLanguage}}","disableUpdates":false,"type":"image"}},{"type":"shape","id":"c505594d-4a39-48f7-b588-42d078328cae","elementConfiguration":{"binding":"UserProfile.Name","visibility":{"action":"hide","binding":"Form.Manuel_dato","operator":"notEquals","compareValue":""},"disableUpdates":false,"type":"text"}},{"type":"shape","id":"87cbe487-64a8-4621-b37a-84ab1f275437","elementConfiguration":{"binding":"Form.Manuel_dato","visibility":{"action":"hide","operator":"equals","compareValue":""},"disableUpdates":false,"type":"text"}},{"type":"shape","id":"1cf624b1-72ee-4692-a0a9-5a414a4e75ab","elementConfiguration":{"inheritDimensions":"inheritNone","width":"6.05 cm","height":"1.9 cm","binding":"UserProfile.EkstraLogo.ExtraLogoSix_PP_DCU_{{DocumentLanguage}}","disableUpdates":false,"type":"image"}},{"type":"shape","id":"3c9550ec-6644-4513-b7ab-aac13c41191e","elementConfiguration":{"inheritDimensions":"inheritWidth","width":"1.91 cm","binding":"UserProfile.Office.LogoH_PP_DCU","disableUpdates":false,"type":"image"}},{"type":"shape","id":"66d93776-dcb9-4c22-96b3-91aefb15bb8f","elementConfiguration":{"inheritDimensions":"inheritNone","width":"1.9 cm","height":"1.9 cm","binding":"UserProfile.Office.LogoColor_DCU","disableUpdates":false,"type":"image"}},{"type":"shape","id":"9a2227c7-268c-4b77-aa48-62ec30f0234a","elementConfiguration":{"binding":"UserProfile.Office.Virksomhed_{{DocumentLanguage}}","disableUpdates":false,"type":"text"}},{"type":"shape","id":"75d608b2-a027-4f5b-9641-e609b89815b6","elementConfiguration":{"binding":"UserProfile.CenterFreeText","visibility":{"action":"hide","binding":"UserProfile.Centers.CenterUI","operator":"notEquals","compareValue":"Intet valgt"},"disableUpdates":false,"type":"text"}},{"type":"shape","id":"1b75140d-5d44-4eda-beb0-6601f5aa2f2c","elementConfiguration":{"binding":"UserProfile.Centers.Center_{{DocumentLanguage}}","visibility":{"action":"hide","binding":"UserProfile.Centers.CenterUI","operator":"equals","compareValue":"Intet valgt"},"disableUpdates":false,"type":"text"}},{"type":"shape","id":"efaa2bf6-e724-46ad-b2d5-4f486e321ed1","elementConfiguration":{"binding":"Form.PresentationTitle","disableUpdates":false,"type":"text"}},{"type":"shape","id":"bc51c6c5-cc68-468f-95e0-9f9165112f5c","elementConfiguration":{"inheritDimensions":"inheritNone","width":"3.68 cm","height":"1.17 cm","binding":"UserProfile.EkstraLogo.ExtraLogoPPNEGDCU_{{DocumentLanguage}}","disableUpdates":false,"type":"image"}},{"type":"shape","id":"b5743ad2-2160-4701-812d-40108e14db55","elementConfiguration":{"inheritDimensions":"inheritNone","width":"2.42 cm","height":"2.5 cm","binding":"UserProfile.EkstraLogo.ExtraLogoFive_PP_DCU_{{DocumentLanguage}}","disableUpdates":false,"type":"image"}},{"type":"shape","id":"4ab28cfc-feba-4872-9a34-d80f2f1a77c1","elementConfiguration":{"inheritDimensions":"inheritNone","width":"2.42 cm","height":"2.5 cm","binding":"UserProfile.EkstraLogo.ExtraLogoTwo_PP_DCU_{{DocumentLanguage}}","disableUpdates":false,"type":"image"}},{"type":"shape","id":"230b3ad5-4497-4188-9e9b-8df1ff3327d8","elementConfiguration":{"binding":"UserProfile.Name","visibility":{"action":"hide","binding":"Form.Manuel_dato","operator":"notEquals","compareValue":""},"disableUpdates":false,"type":"text"}},{"type":"shape","id":"77577c29-118f-4ee0-81c8-9634b828d80a","elementConfiguration":{"binding":"Form.Manuel_dato","visibility":{"action":"hide","operator":"equals","compareValue":""},"disableUpdates":false,"type":"text"}},{"type":"shape","id":"73a5d022-e978-4f93-b1f1-7a499b761295","elementConfiguration":{"inheritDimensions":"inheritNone","width":"6.05 cm","height":"1.9 cm","binding":"UserProfile.EkstraLogo.ExtraLogoSix_PP_DCU_{{DocumentLanguage}}","disableUpdates":false,"type":"image"}},{"type":"shape","id":"7bbc64eb-bce8-418f-91ce-be0d0a80d063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Props1.xml><?xml version="1.0" encoding="utf-8"?>
<ds:datastoreItem xmlns:ds="http://schemas.openxmlformats.org/officeDocument/2006/customXml" ds:itemID="{B518EF32-D7ED-4D8E-80D0-C33C01DB34BB}">
  <ds:schemaRefs/>
</ds:datastoreItem>
</file>

<file path=customXml/itemProps10.xml><?xml version="1.0" encoding="utf-8"?>
<ds:datastoreItem xmlns:ds="http://schemas.openxmlformats.org/officeDocument/2006/customXml" ds:itemID="{B70388C5-0C51-410F-A8E3-759DC12C96D6}">
  <ds:schemaRefs/>
</ds:datastoreItem>
</file>

<file path=customXml/itemProps2.xml><?xml version="1.0" encoding="utf-8"?>
<ds:datastoreItem xmlns:ds="http://schemas.openxmlformats.org/officeDocument/2006/customXml" ds:itemID="{1D7E9E62-33BB-4D1B-A60A-11F6213652CE}">
  <ds:schemaRefs/>
</ds:datastoreItem>
</file>

<file path=customXml/itemProps3.xml><?xml version="1.0" encoding="utf-8"?>
<ds:datastoreItem xmlns:ds="http://schemas.openxmlformats.org/officeDocument/2006/customXml" ds:itemID="{BE8F26EB-1153-4B98-AAC3-D117DA0F337D}">
  <ds:schemaRefs/>
</ds:datastoreItem>
</file>

<file path=customXml/itemProps4.xml><?xml version="1.0" encoding="utf-8"?>
<ds:datastoreItem xmlns:ds="http://schemas.openxmlformats.org/officeDocument/2006/customXml" ds:itemID="{0C7864D1-A1BE-47AD-A7AC-84FB79D52D9F}">
  <ds:schemaRefs/>
</ds:datastoreItem>
</file>

<file path=customXml/itemProps5.xml><?xml version="1.0" encoding="utf-8"?>
<ds:datastoreItem xmlns:ds="http://schemas.openxmlformats.org/officeDocument/2006/customXml" ds:itemID="{5DFC8546-DDC8-489F-B7A8-6D524B97984E}">
  <ds:schemaRefs/>
</ds:datastoreItem>
</file>

<file path=customXml/itemProps6.xml><?xml version="1.0" encoding="utf-8"?>
<ds:datastoreItem xmlns:ds="http://schemas.openxmlformats.org/officeDocument/2006/customXml" ds:itemID="{7FA764BE-93AE-4A1F-94F8-EB73EE3F6FA7}">
  <ds:schemaRefs/>
</ds:datastoreItem>
</file>

<file path=customXml/itemProps7.xml><?xml version="1.0" encoding="utf-8"?>
<ds:datastoreItem xmlns:ds="http://schemas.openxmlformats.org/officeDocument/2006/customXml" ds:itemID="{026957DE-A263-4C3E-96D4-107DEBA1D471}">
  <ds:schemaRefs/>
</ds:datastoreItem>
</file>

<file path=customXml/itemProps8.xml><?xml version="1.0" encoding="utf-8"?>
<ds:datastoreItem xmlns:ds="http://schemas.openxmlformats.org/officeDocument/2006/customXml" ds:itemID="{B0D2E709-FA3C-4E2D-A1F5-DD257C406372}">
  <ds:schemaRefs/>
</ds:datastoreItem>
</file>

<file path=customXml/itemProps9.xml><?xml version="1.0" encoding="utf-8"?>
<ds:datastoreItem xmlns:ds="http://schemas.openxmlformats.org/officeDocument/2006/customXml" ds:itemID="{978984FF-6C25-4FD4-85EA-2F9586C8CA6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23</Words>
  <Application>Microsoft Office PowerPoint</Application>
  <PresentationFormat>Widescreen</PresentationFormat>
  <Paragraphs>31</Paragraphs>
  <Slides>8</Slides>
  <Notes>8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1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8</vt:i4>
      </vt:variant>
    </vt:vector>
  </HeadingPairs>
  <TitlesOfParts>
    <vt:vector size="10" baseType="lpstr">
      <vt:lpstr>Arial</vt:lpstr>
      <vt:lpstr>REGION H Hospital PowerPoint Skabelon_DKfinal</vt:lpstr>
      <vt:lpstr>1-1-2-data til CSU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Kommentering 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1-1-2-data til CSU</dc:title>
  <dc:creator/>
  <cp:lastModifiedBy/>
  <cp:revision>48</cp:revision>
  <dcterms:created xsi:type="dcterms:W3CDTF">2015-01-13T08:58:59Z</dcterms:created>
  <dcterms:modified xsi:type="dcterms:W3CDTF">2021-12-06T10:09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2-20T15:06:21.693469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7146875817915195</vt:lpwstr>
  </property>
  <property fmtid="{D5CDD505-2E9C-101B-9397-08002B2CF9AE}" pid="7" name="TemplafyLanguageCode">
    <vt:lpwstr>da-DK</vt:lpwstr>
  </property>
</Properties>
</file>